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7月(8月1日現在)\"/>
    </mc:Choice>
  </mc:AlternateContent>
  <xr:revisionPtr revIDLastSave="0" documentId="13_ncr:1_{97ACB434-CA46-44F1-A801-FB83BCDB4F79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2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ウガンダ</t>
  </si>
  <si>
    <t>令和 3年 7月31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7</v>
      </c>
    </row>
    <row r="4" spans="1:5" ht="21" x14ac:dyDescent="0.4">
      <c r="A4" s="4" t="s">
        <v>56</v>
      </c>
      <c r="D4" s="13" t="s">
        <v>57</v>
      </c>
      <c r="E4" s="3" t="s">
        <v>67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9</v>
      </c>
      <c r="C12" s="11">
        <v>30</v>
      </c>
      <c r="D12" s="12">
        <v>49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5</v>
      </c>
      <c r="C14" s="11">
        <v>11</v>
      </c>
      <c r="D14" s="12">
        <v>4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1</v>
      </c>
      <c r="C20" s="11">
        <v>69</v>
      </c>
      <c r="D20" s="12">
        <v>82</v>
      </c>
      <c r="E20" s="7"/>
    </row>
    <row r="21" spans="1:5" ht="25.15" customHeight="1" x14ac:dyDescent="0.4">
      <c r="A21" s="7" t="s">
        <v>14</v>
      </c>
      <c r="B21" s="8">
        <v>47</v>
      </c>
      <c r="C21" s="11">
        <v>23</v>
      </c>
      <c r="D21" s="12">
        <v>24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9</v>
      </c>
      <c r="C25" s="11">
        <v>7</v>
      </c>
      <c r="D25" s="12">
        <v>2</v>
      </c>
      <c r="E25" s="7"/>
    </row>
    <row r="26" spans="1:5" ht="25.15" customHeight="1" x14ac:dyDescent="0.4">
      <c r="A26" s="7" t="s">
        <v>17</v>
      </c>
      <c r="B26" s="8">
        <v>4</v>
      </c>
      <c r="C26" s="11">
        <v>3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69</v>
      </c>
      <c r="C28" s="11">
        <v>51</v>
      </c>
      <c r="D28" s="12">
        <v>18</v>
      </c>
      <c r="E28" s="7"/>
    </row>
    <row r="29" spans="1:5" ht="25.15" customHeight="1" x14ac:dyDescent="0.4">
      <c r="A29" s="7" t="s">
        <v>20</v>
      </c>
      <c r="B29" s="8">
        <v>35</v>
      </c>
      <c r="C29" s="11">
        <v>28</v>
      </c>
      <c r="D29" s="12">
        <v>7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5</v>
      </c>
      <c r="C36" s="11">
        <v>56</v>
      </c>
      <c r="D36" s="12">
        <v>49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0</v>
      </c>
      <c r="C42" s="11">
        <v>8</v>
      </c>
      <c r="D42" s="12">
        <v>2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33</v>
      </c>
      <c r="B44" s="8">
        <v>4</v>
      </c>
      <c r="C44" s="11">
        <v>4</v>
      </c>
      <c r="D44" s="12">
        <v>0</v>
      </c>
      <c r="E44" s="7"/>
    </row>
    <row r="45" spans="1:5" ht="25.15" customHeight="1" x14ac:dyDescent="0.4">
      <c r="A45" s="7" t="s">
        <v>34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5</v>
      </c>
      <c r="B46" s="8">
        <v>64</v>
      </c>
      <c r="C46" s="11">
        <v>31</v>
      </c>
      <c r="D46" s="12">
        <v>33</v>
      </c>
      <c r="E46" s="7"/>
    </row>
    <row r="47" spans="1:5" ht="25.15" customHeight="1" x14ac:dyDescent="0.4">
      <c r="A47" s="7" t="s">
        <v>36</v>
      </c>
      <c r="B47" s="8">
        <v>335</v>
      </c>
      <c r="C47" s="11">
        <v>145</v>
      </c>
      <c r="D47" s="12">
        <v>190</v>
      </c>
      <c r="E47" s="7"/>
    </row>
    <row r="48" spans="1:5" ht="25.15" customHeight="1" x14ac:dyDescent="0.4">
      <c r="A48" s="7" t="s">
        <v>37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7</v>
      </c>
      <c r="C50" s="11">
        <v>2</v>
      </c>
      <c r="D50" s="12">
        <v>5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41</v>
      </c>
      <c r="B52" s="8">
        <v>5</v>
      </c>
      <c r="C52" s="11">
        <v>1</v>
      </c>
      <c r="D52" s="12">
        <v>4</v>
      </c>
      <c r="E52" s="7"/>
    </row>
    <row r="53" spans="1:5" ht="25.15" customHeight="1" x14ac:dyDescent="0.4">
      <c r="A53" s="7" t="s">
        <v>42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63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3</v>
      </c>
      <c r="B55" s="8">
        <v>6</v>
      </c>
      <c r="C55" s="11">
        <v>3</v>
      </c>
      <c r="D55" s="12">
        <v>3</v>
      </c>
      <c r="E55" s="7"/>
    </row>
    <row r="56" spans="1:5" ht="25.15" customHeight="1" x14ac:dyDescent="0.4">
      <c r="A56" s="7" t="s">
        <v>44</v>
      </c>
      <c r="B56" s="8">
        <v>23</v>
      </c>
      <c r="C56" s="11">
        <v>14</v>
      </c>
      <c r="D56" s="12">
        <v>9</v>
      </c>
      <c r="E56" s="7"/>
    </row>
    <row r="57" spans="1:5" ht="25.15" customHeight="1" x14ac:dyDescent="0.4">
      <c r="A57" s="7" t="s">
        <v>66</v>
      </c>
      <c r="B57" s="8">
        <v>2</v>
      </c>
      <c r="C57" s="11">
        <v>1</v>
      </c>
      <c r="D57" s="12">
        <v>1</v>
      </c>
      <c r="E57" s="7"/>
    </row>
    <row r="58" spans="1:5" ht="25.15" customHeight="1" x14ac:dyDescent="0.4">
      <c r="A58" s="7" t="s">
        <v>45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6</v>
      </c>
      <c r="B59" s="8">
        <v>14</v>
      </c>
      <c r="C59" s="11">
        <v>8</v>
      </c>
      <c r="D59" s="12">
        <v>6</v>
      </c>
      <c r="E59" s="7"/>
    </row>
    <row r="60" spans="1:5" ht="25.15" customHeight="1" x14ac:dyDescent="0.4">
      <c r="A60" s="7" t="s">
        <v>47</v>
      </c>
      <c r="B60" s="8">
        <v>453</v>
      </c>
      <c r="C60" s="11">
        <v>346</v>
      </c>
      <c r="D60" s="12">
        <v>107</v>
      </c>
      <c r="E60" s="7"/>
    </row>
    <row r="61" spans="1:5" ht="25.15" customHeight="1" x14ac:dyDescent="0.4">
      <c r="A61" s="7" t="s">
        <v>48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49</v>
      </c>
      <c r="B62" s="8">
        <v>242</v>
      </c>
      <c r="C62" s="11">
        <v>207</v>
      </c>
      <c r="D62" s="12">
        <v>35</v>
      </c>
      <c r="E62" s="7"/>
    </row>
    <row r="63" spans="1:5" ht="25.15" customHeight="1" x14ac:dyDescent="0.4">
      <c r="A63" s="7" t="s">
        <v>50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7" t="s">
        <v>68</v>
      </c>
      <c r="B66" s="8" t="s">
        <v>68</v>
      </c>
      <c r="C66" s="11" t="s">
        <v>68</v>
      </c>
      <c r="D66" s="12" t="s">
        <v>68</v>
      </c>
      <c r="E66" s="7"/>
    </row>
    <row r="67" spans="1:5" ht="25.15" customHeight="1" x14ac:dyDescent="0.4">
      <c r="A67" s="5" t="s">
        <v>51</v>
      </c>
      <c r="B67" s="8">
        <v>1782</v>
      </c>
      <c r="C67" s="8">
        <v>1114</v>
      </c>
      <c r="D67" s="8">
        <v>668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1-08-02T08:22:14Z</dcterms:modified>
</cp:coreProperties>
</file>